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5-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5-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oogeve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337A2C55-BB64-C5C2-9485-8FD37F29D92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32973" y="4877890"/>
            <a:ext cx="2072102" cy="169912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79A80D3-86F0-494E-3EB8-210B107DBFC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37948" y="4102100"/>
            <a:ext cx="1608796" cy="131921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05T11:30:45Z</dcterms:modified>
</cp:coreProperties>
</file>